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GF 2º Quadrim 2019 PUBLICAÇÃO\"/>
    </mc:Choice>
  </mc:AlternateContent>
  <bookViews>
    <workbookView xWindow="0" yWindow="0" windowWidth="20490" windowHeight="73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0"/>
</workbook>
</file>

<file path=xl/sharedStrings.xml><?xml version="1.0" encoding="utf-8"?>
<sst xmlns="http://schemas.openxmlformats.org/spreadsheetml/2006/main" count="514" uniqueCount="242">
  <si>
    <t>ESTADO DE MATO GROSSO DO SUL</t>
  </si>
  <si>
    <t>Relatório de Gestão Fiscal</t>
  </si>
  <si>
    <t>Anexo 1 - Demonstrativo da Despesa com Pessoal</t>
  </si>
  <si>
    <t>Orçamentos Fiscal e da Seguridade Social</t>
  </si>
  <si>
    <t>Maio até Agosto - 2º Quadrimestre/2019</t>
  </si>
  <si>
    <t>LRF, Art. 55, inciso I, alínea "a"</t>
  </si>
  <si>
    <t>Nº</t>
  </si>
  <si>
    <t/>
  </si>
  <si>
    <t>DESPESA COM PESSOAL</t>
  </si>
  <si>
    <t>Despesas Liquidadas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e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9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TRAJETÓRIA DE RETORNO AO LIMITE DA DESPESA TOTAL COM PESSOAL</t>
  </si>
  <si>
    <t>Quadrimestre do Exercício em que o ente excedeu o limite</t>
  </si>
  <si>
    <t>% DCL (b)</t>
  </si>
  <si>
    <t>% DCL (f)</t>
  </si>
  <si>
    <t>Redutor Residual (g) = (f-a)</t>
  </si>
  <si>
    <t>% DCL (i)</t>
  </si>
  <si>
    <t>Terceiro período seguinte</t>
  </si>
  <si>
    <t>Redutor Residual (j) = (i-a)</t>
  </si>
  <si>
    <t>Limite (k) = (a)</t>
  </si>
  <si>
    <t>% DCL (l)</t>
  </si>
  <si>
    <t>40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89.7109375" bestFit="1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7.28515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585562008.24000001</v>
      </c>
      <c r="D12" s="11">
        <v>702616089.97000003</v>
      </c>
      <c r="E12" s="11">
        <v>472838571.48000002</v>
      </c>
      <c r="F12" s="11">
        <v>818717176.85000002</v>
      </c>
      <c r="G12" s="11">
        <v>954547101.23000002</v>
      </c>
      <c r="H12" s="11">
        <v>644759827</v>
      </c>
      <c r="I12" s="11">
        <v>633162441.87</v>
      </c>
      <c r="J12" s="11">
        <v>576485421.52999997</v>
      </c>
      <c r="K12" s="11">
        <v>687691483.60000002</v>
      </c>
      <c r="L12" s="11">
        <v>592715291.01999998</v>
      </c>
      <c r="M12" s="11">
        <v>667936793.94000006</v>
      </c>
      <c r="N12" s="11">
        <v>452698298.88</v>
      </c>
      <c r="O12" s="11">
        <v>7789730505.6099997</v>
      </c>
      <c r="P12" s="11">
        <v>341212212.27999997</v>
      </c>
    </row>
    <row r="13" spans="1:16" x14ac:dyDescent="0.25">
      <c r="A13" s="3" t="s">
        <v>26</v>
      </c>
      <c r="B13" s="5" t="s">
        <v>27</v>
      </c>
      <c r="C13" s="11">
        <v>379204016.26999998</v>
      </c>
      <c r="D13" s="11">
        <v>471959879.57999998</v>
      </c>
      <c r="E13" s="11">
        <v>354412799.19999999</v>
      </c>
      <c r="F13" s="11">
        <v>554746345.67999995</v>
      </c>
      <c r="G13" s="11">
        <v>498346129.39999998</v>
      </c>
      <c r="H13" s="11">
        <v>425158862.17000002</v>
      </c>
      <c r="I13" s="11">
        <v>410886810.20999998</v>
      </c>
      <c r="J13" s="11">
        <v>403063468.83999997</v>
      </c>
      <c r="K13" s="11">
        <v>434369902.23000002</v>
      </c>
      <c r="L13" s="11">
        <v>408191030.93000001</v>
      </c>
      <c r="M13" s="11">
        <v>386586138.44</v>
      </c>
      <c r="N13" s="11">
        <v>264455092.63</v>
      </c>
      <c r="O13" s="11">
        <v>4991380475.5799999</v>
      </c>
      <c r="P13" s="11">
        <v>85481138.890000001</v>
      </c>
    </row>
    <row r="14" spans="1:16" x14ac:dyDescent="0.25">
      <c r="A14" s="2" t="s">
        <v>28</v>
      </c>
      <c r="B14" s="4" t="s">
        <v>29</v>
      </c>
      <c r="C14" s="12">
        <v>308848890.88</v>
      </c>
      <c r="D14" s="12">
        <v>327400375.63</v>
      </c>
      <c r="E14" s="12">
        <v>251401687.19</v>
      </c>
      <c r="F14" s="12">
        <v>377806683.17000002</v>
      </c>
      <c r="G14" s="12">
        <v>357445582.43000001</v>
      </c>
      <c r="H14" s="12">
        <v>289646767.86000001</v>
      </c>
      <c r="I14" s="12">
        <v>299245686.55000001</v>
      </c>
      <c r="J14" s="12">
        <v>292428554.19</v>
      </c>
      <c r="K14" s="12">
        <v>321335536.68000001</v>
      </c>
      <c r="L14" s="12">
        <v>299257497.35000002</v>
      </c>
      <c r="M14" s="12">
        <v>280356790.33999997</v>
      </c>
      <c r="N14" s="12">
        <v>205301416.59</v>
      </c>
      <c r="O14" s="12">
        <v>3610475468.8600001</v>
      </c>
      <c r="P14" s="12">
        <v>80494883.099999994</v>
      </c>
    </row>
    <row r="15" spans="1:16" x14ac:dyDescent="0.25">
      <c r="A15" s="2" t="s">
        <v>30</v>
      </c>
      <c r="B15" s="4" t="s">
        <v>31</v>
      </c>
      <c r="C15" s="12">
        <v>69520127.370000005</v>
      </c>
      <c r="D15" s="12">
        <v>143265254.43000001</v>
      </c>
      <c r="E15" s="12">
        <v>102949814.16</v>
      </c>
      <c r="F15" s="12">
        <v>175647709.66999999</v>
      </c>
      <c r="G15" s="12">
        <v>139606978.24000001</v>
      </c>
      <c r="H15" s="12">
        <v>134865239.06999999</v>
      </c>
      <c r="I15" s="12">
        <v>110852267.31999999</v>
      </c>
      <c r="J15" s="12">
        <v>109900604.45</v>
      </c>
      <c r="K15" s="12">
        <v>112356227.95999999</v>
      </c>
      <c r="L15" s="12">
        <v>108248484.81999999</v>
      </c>
      <c r="M15" s="12">
        <v>105581001.83</v>
      </c>
      <c r="N15" s="12">
        <v>58433242.159999996</v>
      </c>
      <c r="O15" s="12">
        <v>1371226951.48</v>
      </c>
      <c r="P15" s="12">
        <v>4629703.1399999997</v>
      </c>
    </row>
    <row r="16" spans="1:16" x14ac:dyDescent="0.25">
      <c r="A16" s="2" t="s">
        <v>32</v>
      </c>
      <c r="B16" s="4" t="s">
        <v>33</v>
      </c>
      <c r="C16" s="12">
        <v>834998.02</v>
      </c>
      <c r="D16" s="12">
        <v>1294249.52</v>
      </c>
      <c r="E16" s="12">
        <v>61297.85</v>
      </c>
      <c r="F16" s="12">
        <v>1291952.8400000001</v>
      </c>
      <c r="G16" s="12">
        <v>1293568.73</v>
      </c>
      <c r="H16" s="12">
        <v>646855.24</v>
      </c>
      <c r="I16" s="12">
        <v>788856.34</v>
      </c>
      <c r="J16" s="12">
        <v>734310.2</v>
      </c>
      <c r="K16" s="12">
        <v>678137.59</v>
      </c>
      <c r="L16" s="12">
        <v>685048.76</v>
      </c>
      <c r="M16" s="12">
        <v>648346.27</v>
      </c>
      <c r="N16" s="12">
        <v>720433.88</v>
      </c>
      <c r="O16" s="12">
        <v>9678055.2400000002</v>
      </c>
      <c r="P16" s="12">
        <v>356552.65</v>
      </c>
    </row>
    <row r="17" spans="1:16" x14ac:dyDescent="0.25">
      <c r="A17" s="3" t="s">
        <v>34</v>
      </c>
      <c r="B17" s="5" t="s">
        <v>35</v>
      </c>
      <c r="C17" s="11">
        <v>206357991.97</v>
      </c>
      <c r="D17" s="11">
        <v>230656210.38999999</v>
      </c>
      <c r="E17" s="11">
        <v>118425772.28</v>
      </c>
      <c r="F17" s="11">
        <v>263970831.16999999</v>
      </c>
      <c r="G17" s="11">
        <v>456200971.82999998</v>
      </c>
      <c r="H17" s="11">
        <v>219600964.83000001</v>
      </c>
      <c r="I17" s="11">
        <v>222275631.66</v>
      </c>
      <c r="J17" s="11">
        <v>173421952.69</v>
      </c>
      <c r="K17" s="11">
        <v>253321581.37</v>
      </c>
      <c r="L17" s="11">
        <v>184524260.09</v>
      </c>
      <c r="M17" s="11">
        <v>281350655.5</v>
      </c>
      <c r="N17" s="11">
        <v>188243206.25</v>
      </c>
      <c r="O17" s="11">
        <v>2798350030.0300002</v>
      </c>
      <c r="P17" s="11">
        <v>255731073.38999999</v>
      </c>
    </row>
    <row r="18" spans="1:16" x14ac:dyDescent="0.25">
      <c r="A18" s="2" t="s">
        <v>36</v>
      </c>
      <c r="B18" s="4" t="s">
        <v>37</v>
      </c>
      <c r="C18" s="12">
        <v>181118554.94999999</v>
      </c>
      <c r="D18" s="12">
        <v>201355395.28999999</v>
      </c>
      <c r="E18" s="12">
        <v>101626436.2</v>
      </c>
      <c r="F18" s="12">
        <v>226907446.53</v>
      </c>
      <c r="G18" s="12">
        <v>398239160.75999999</v>
      </c>
      <c r="H18" s="12">
        <v>191114991.90000001</v>
      </c>
      <c r="I18" s="12">
        <v>193533431.88999999</v>
      </c>
      <c r="J18" s="12">
        <v>149422196.75</v>
      </c>
      <c r="K18" s="12">
        <v>220046505.53</v>
      </c>
      <c r="L18" s="12">
        <v>155775470.25</v>
      </c>
      <c r="M18" s="12">
        <v>253188086.12</v>
      </c>
      <c r="N18" s="12">
        <v>167729009.5</v>
      </c>
      <c r="O18" s="12">
        <v>2440056685.6700001</v>
      </c>
      <c r="P18" s="12">
        <v>225388482.05000001</v>
      </c>
    </row>
    <row r="19" spans="1:16" x14ac:dyDescent="0.25">
      <c r="A19" s="2" t="s">
        <v>38</v>
      </c>
      <c r="B19" s="4" t="s">
        <v>39</v>
      </c>
      <c r="C19" s="12">
        <v>25826126.579999998</v>
      </c>
      <c r="D19" s="12">
        <v>29358580.210000001</v>
      </c>
      <c r="E19" s="12">
        <v>16857101.190000001</v>
      </c>
      <c r="F19" s="12">
        <v>32690754.73</v>
      </c>
      <c r="G19" s="12">
        <v>57224184.700000003</v>
      </c>
      <c r="H19" s="12">
        <v>28131040.149999999</v>
      </c>
      <c r="I19" s="12">
        <v>28399231.780000001</v>
      </c>
      <c r="J19" s="12">
        <v>23664371.719999999</v>
      </c>
      <c r="K19" s="12">
        <v>32942922.280000001</v>
      </c>
      <c r="L19" s="12">
        <v>28420893.949999999</v>
      </c>
      <c r="M19" s="12">
        <v>27853161.219999999</v>
      </c>
      <c r="N19" s="12">
        <v>20204105.84</v>
      </c>
      <c r="O19" s="12">
        <v>351572474.35000002</v>
      </c>
      <c r="P19" s="12">
        <v>30342591.34</v>
      </c>
    </row>
    <row r="20" spans="1:16" x14ac:dyDescent="0.25">
      <c r="A20" s="2" t="s">
        <v>40</v>
      </c>
      <c r="B20" s="4" t="s">
        <v>41</v>
      </c>
      <c r="C20" s="12">
        <v>-586689.56000000006</v>
      </c>
      <c r="D20" s="12">
        <v>-57765.11</v>
      </c>
      <c r="E20" s="12">
        <v>-57765.11</v>
      </c>
      <c r="F20" s="12">
        <v>4372629.91</v>
      </c>
      <c r="G20" s="12">
        <v>737626.37</v>
      </c>
      <c r="H20" s="12">
        <v>354932.78</v>
      </c>
      <c r="I20" s="12">
        <v>342967.99</v>
      </c>
      <c r="J20" s="12">
        <v>335384.21999999997</v>
      </c>
      <c r="K20" s="12">
        <v>332153.56</v>
      </c>
      <c r="L20" s="12">
        <v>327895.89</v>
      </c>
      <c r="M20" s="12">
        <v>309408.15999999997</v>
      </c>
      <c r="N20" s="12">
        <v>310090.90999999997</v>
      </c>
      <c r="O20" s="12">
        <v>6720870.0099999998</v>
      </c>
      <c r="P20" s="12">
        <v>0</v>
      </c>
    </row>
    <row r="21" spans="1:16" x14ac:dyDescent="0.25">
      <c r="A21" s="2" t="s">
        <v>42</v>
      </c>
      <c r="B21" s="4" t="s">
        <v>4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2">
        <v>0</v>
      </c>
      <c r="N21" s="12">
        <v>0</v>
      </c>
      <c r="O21" s="12">
        <v>0</v>
      </c>
      <c r="P21" s="12">
        <v>0</v>
      </c>
    </row>
    <row r="22" spans="1:16" x14ac:dyDescent="0.25">
      <c r="A22" s="3" t="s">
        <v>44</v>
      </c>
      <c r="B22" s="5" t="s">
        <v>45</v>
      </c>
      <c r="C22" s="11">
        <v>220757227.08000001</v>
      </c>
      <c r="D22" s="11">
        <v>262936731.19</v>
      </c>
      <c r="E22" s="11">
        <v>125438388.41</v>
      </c>
      <c r="F22" s="11">
        <v>264223110.15000001</v>
      </c>
      <c r="G22" s="11">
        <v>478968055.62</v>
      </c>
      <c r="H22" s="11">
        <v>254242283.15000001</v>
      </c>
      <c r="I22" s="11">
        <v>230711735.16999999</v>
      </c>
      <c r="J22" s="11">
        <v>195754938.69</v>
      </c>
      <c r="K22" s="11">
        <v>275776322.75999999</v>
      </c>
      <c r="L22" s="11">
        <v>210472478.97</v>
      </c>
      <c r="M22" s="11">
        <v>307442042.19</v>
      </c>
      <c r="N22" s="11">
        <v>214571085.25999999</v>
      </c>
      <c r="O22" s="11">
        <v>3041294398.6399999</v>
      </c>
      <c r="P22" s="11">
        <v>3644872.65</v>
      </c>
    </row>
    <row r="23" spans="1:16" x14ac:dyDescent="0.25">
      <c r="A23" s="2" t="s">
        <v>46</v>
      </c>
      <c r="B23" s="4" t="s">
        <v>47</v>
      </c>
      <c r="C23" s="12">
        <v>5255683.3099999996</v>
      </c>
      <c r="D23" s="12">
        <v>7437538.2599999998</v>
      </c>
      <c r="E23" s="12">
        <v>7545160.1200000001</v>
      </c>
      <c r="F23" s="12">
        <v>2366521.87</v>
      </c>
      <c r="G23" s="12">
        <v>6724049.6399999997</v>
      </c>
      <c r="H23" s="12">
        <v>5230776.62</v>
      </c>
      <c r="I23" s="12">
        <v>6467363.3899999997</v>
      </c>
      <c r="J23" s="12">
        <v>6546183.4000000004</v>
      </c>
      <c r="K23" s="12">
        <v>5007247.93</v>
      </c>
      <c r="L23" s="12">
        <v>4975835.9400000004</v>
      </c>
      <c r="M23" s="12">
        <v>5341325.92</v>
      </c>
      <c r="N23" s="12">
        <v>5612348.1600000001</v>
      </c>
      <c r="O23" s="12">
        <v>68510034.560000002</v>
      </c>
      <c r="P23" s="12">
        <v>3002150.25</v>
      </c>
    </row>
    <row r="24" spans="1:16" x14ac:dyDescent="0.25">
      <c r="A24" s="2" t="s">
        <v>48</v>
      </c>
      <c r="B24" s="4" t="s">
        <v>49</v>
      </c>
      <c r="C24" s="12">
        <v>14125768.67</v>
      </c>
      <c r="D24" s="12">
        <v>28244790.600000001</v>
      </c>
      <c r="E24" s="12">
        <v>17933.12</v>
      </c>
      <c r="F24" s="12">
        <v>2477</v>
      </c>
      <c r="G24" s="12">
        <v>14125516.470000001</v>
      </c>
      <c r="H24" s="12">
        <v>14135241.91</v>
      </c>
      <c r="I24" s="12">
        <v>8405.51</v>
      </c>
      <c r="J24" s="12">
        <v>14124928.890000001</v>
      </c>
      <c r="K24" s="12">
        <v>15708205.960000001</v>
      </c>
      <c r="L24" s="12">
        <v>19575802.609999999</v>
      </c>
      <c r="M24" s="12">
        <v>19599063.059999999</v>
      </c>
      <c r="N24" s="12">
        <v>19776088.210000001</v>
      </c>
      <c r="O24" s="12">
        <v>159444222.00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1931485.25</v>
      </c>
      <c r="D25" s="12">
        <v>2358836.7000000002</v>
      </c>
      <c r="E25" s="12">
        <v>1926825.93</v>
      </c>
      <c r="F25" s="12">
        <v>500505.41</v>
      </c>
      <c r="G25" s="12">
        <v>1927856.48</v>
      </c>
      <c r="H25" s="12">
        <v>15285638.59</v>
      </c>
      <c r="I25" s="12">
        <v>1970673.41</v>
      </c>
      <c r="J25" s="12">
        <v>1672212.51</v>
      </c>
      <c r="K25" s="12">
        <v>1749626.3</v>
      </c>
      <c r="L25" s="12">
        <v>1406919.13</v>
      </c>
      <c r="M25" s="12">
        <v>1161336.51</v>
      </c>
      <c r="N25" s="12">
        <v>949781.44</v>
      </c>
      <c r="O25" s="12">
        <v>32841697.66</v>
      </c>
      <c r="P25" s="12">
        <v>0</v>
      </c>
    </row>
    <row r="26" spans="1:16" x14ac:dyDescent="0.25">
      <c r="A26" s="2" t="s">
        <v>52</v>
      </c>
      <c r="B26" s="4" t="s">
        <v>53</v>
      </c>
      <c r="C26" s="12">
        <v>199444289.84999999</v>
      </c>
      <c r="D26" s="12">
        <v>224895565.63</v>
      </c>
      <c r="E26" s="12">
        <v>115948469.23999999</v>
      </c>
      <c r="F26" s="12">
        <v>261353605.87</v>
      </c>
      <c r="G26" s="12">
        <v>456190633.02999997</v>
      </c>
      <c r="H26" s="12">
        <v>219590626.03</v>
      </c>
      <c r="I26" s="12">
        <v>222265292.86000001</v>
      </c>
      <c r="J26" s="12">
        <v>173411613.88999999</v>
      </c>
      <c r="K26" s="12">
        <v>253311242.56999999</v>
      </c>
      <c r="L26" s="12">
        <v>184513921.28999999</v>
      </c>
      <c r="M26" s="12">
        <v>281340316.69999999</v>
      </c>
      <c r="N26" s="12">
        <v>188232867.44999999</v>
      </c>
      <c r="O26" s="12">
        <v>2780498444.4099998</v>
      </c>
      <c r="P26" s="12">
        <v>642722.4</v>
      </c>
    </row>
    <row r="27" spans="1:16" x14ac:dyDescent="0.25">
      <c r="A27" s="3" t="s">
        <v>54</v>
      </c>
      <c r="B27" s="5" t="s">
        <v>55</v>
      </c>
      <c r="C27" s="11">
        <v>364804781.16000003</v>
      </c>
      <c r="D27" s="11">
        <v>439679358.77999997</v>
      </c>
      <c r="E27" s="11">
        <v>347400183.06999999</v>
      </c>
      <c r="F27" s="11">
        <v>554494066.70000005</v>
      </c>
      <c r="G27" s="11">
        <v>475579045.61000001</v>
      </c>
      <c r="H27" s="11">
        <v>390517543.85000002</v>
      </c>
      <c r="I27" s="11">
        <v>402450706.69999999</v>
      </c>
      <c r="J27" s="11">
        <v>380730482.83999997</v>
      </c>
      <c r="K27" s="11">
        <v>411915160.83999997</v>
      </c>
      <c r="L27" s="11">
        <v>382242812.05000001</v>
      </c>
      <c r="M27" s="11">
        <v>360494751.75</v>
      </c>
      <c r="N27" s="11">
        <v>238127213.62</v>
      </c>
      <c r="O27" s="11">
        <v>4748436106.9700003</v>
      </c>
      <c r="P27" s="11">
        <v>337567339.63</v>
      </c>
    </row>
    <row r="29" spans="1:16" x14ac:dyDescent="0.25">
      <c r="A29" s="10" t="s">
        <v>6</v>
      </c>
      <c r="B29" s="10" t="s">
        <v>56</v>
      </c>
      <c r="C29" s="10" t="s">
        <v>57</v>
      </c>
      <c r="D29" s="10" t="s">
        <v>58</v>
      </c>
    </row>
    <row r="30" spans="1:16" x14ac:dyDescent="0.25">
      <c r="A30" s="10" t="s">
        <v>7</v>
      </c>
      <c r="B30" s="10" t="s">
        <v>7</v>
      </c>
      <c r="C30" s="10" t="s">
        <v>7</v>
      </c>
      <c r="D30" s="10" t="s">
        <v>7</v>
      </c>
    </row>
    <row r="31" spans="1:16" x14ac:dyDescent="0.25">
      <c r="A31" s="2" t="s">
        <v>59</v>
      </c>
      <c r="B31" s="4" t="s">
        <v>60</v>
      </c>
      <c r="C31" s="12">
        <v>10903504527.02</v>
      </c>
      <c r="D31" s="12">
        <v>100.01</v>
      </c>
    </row>
    <row r="32" spans="1:16" x14ac:dyDescent="0.25">
      <c r="A32" s="2" t="s">
        <v>61</v>
      </c>
      <c r="B32" s="4" t="s">
        <v>62</v>
      </c>
      <c r="C32" s="12">
        <v>1276535.3999999999</v>
      </c>
      <c r="D32" s="12">
        <v>0.01</v>
      </c>
    </row>
    <row r="33" spans="1:11" x14ac:dyDescent="0.25">
      <c r="A33" s="3" t="s">
        <v>63</v>
      </c>
      <c r="B33" s="5" t="s">
        <v>64</v>
      </c>
      <c r="C33" s="11">
        <v>10902227991.620001</v>
      </c>
      <c r="D33" s="11">
        <v>100</v>
      </c>
    </row>
    <row r="34" spans="1:11" x14ac:dyDescent="0.25">
      <c r="A34" s="2" t="s">
        <v>65</v>
      </c>
      <c r="B34" s="4" t="s">
        <v>66</v>
      </c>
      <c r="C34" s="12">
        <v>5086003446.6000004</v>
      </c>
      <c r="D34" s="12">
        <v>46.65</v>
      </c>
    </row>
    <row r="35" spans="1:11" x14ac:dyDescent="0.25">
      <c r="A35" s="2" t="s">
        <v>67</v>
      </c>
      <c r="B35" s="4" t="s">
        <v>68</v>
      </c>
      <c r="C35" s="12">
        <v>5342091715.8900003</v>
      </c>
      <c r="D35" s="12">
        <v>49</v>
      </c>
    </row>
    <row r="36" spans="1:11" x14ac:dyDescent="0.25">
      <c r="A36" s="2" t="s">
        <v>69</v>
      </c>
      <c r="B36" s="4" t="s">
        <v>70</v>
      </c>
      <c r="C36" s="12">
        <v>5074987130.1000004</v>
      </c>
      <c r="D36" s="12">
        <v>46.55</v>
      </c>
    </row>
    <row r="37" spans="1:11" x14ac:dyDescent="0.25">
      <c r="A37" s="2" t="s">
        <v>71</v>
      </c>
      <c r="B37" s="4" t="s">
        <v>72</v>
      </c>
      <c r="C37" s="12">
        <v>4807882544.3000002</v>
      </c>
      <c r="D37" s="12">
        <v>44.1</v>
      </c>
    </row>
    <row r="39" spans="1:11" x14ac:dyDescent="0.25">
      <c r="A39" s="10" t="s">
        <v>6</v>
      </c>
      <c r="B39" s="10" t="s">
        <v>73</v>
      </c>
      <c r="C39" s="10" t="s">
        <v>74</v>
      </c>
      <c r="D39" s="10" t="s">
        <v>7</v>
      </c>
      <c r="E39" s="10" t="s">
        <v>7</v>
      </c>
      <c r="F39" s="10" t="s">
        <v>78</v>
      </c>
      <c r="G39" s="10" t="s">
        <v>7</v>
      </c>
      <c r="H39" s="10" t="s">
        <v>7</v>
      </c>
      <c r="I39" s="10" t="s">
        <v>82</v>
      </c>
      <c r="J39" s="10" t="s">
        <v>7</v>
      </c>
      <c r="K39" s="10" t="s">
        <v>82</v>
      </c>
    </row>
    <row r="40" spans="1:11" ht="63" x14ac:dyDescent="0.25">
      <c r="A40" s="10" t="s">
        <v>7</v>
      </c>
      <c r="B40" s="10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7"/>
  <sheetViews>
    <sheetView showGridLines="0" workbookViewId="0"/>
  </sheetViews>
  <sheetFormatPr defaultRowHeight="15" x14ac:dyDescent="0.25"/>
  <cols>
    <col min="1" max="1" width="2.7109375" bestFit="1" customWidth="1"/>
    <col min="2" max="2" width="50.140625" bestFit="1" customWidth="1"/>
    <col min="3" max="5" width="19" bestFit="1" customWidth="1"/>
    <col min="6" max="6" width="17.8554687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90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14" x14ac:dyDescent="0.25">
      <c r="A12" s="3" t="s">
        <v>24</v>
      </c>
      <c r="B12" s="5" t="s">
        <v>96</v>
      </c>
      <c r="C12" s="11">
        <v>9141710365.2700005</v>
      </c>
      <c r="D12" s="11">
        <v>9173180005.2900009</v>
      </c>
      <c r="E12" s="11">
        <v>9137322949.7000008</v>
      </c>
      <c r="F12" s="11">
        <v>0</v>
      </c>
    </row>
    <row r="13" spans="1:14" x14ac:dyDescent="0.25">
      <c r="A13" s="2" t="s">
        <v>26</v>
      </c>
      <c r="B13" s="4" t="s">
        <v>97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98</v>
      </c>
      <c r="C14" s="11">
        <v>8401989307.1899996</v>
      </c>
      <c r="D14" s="11">
        <v>8475816248.0200005</v>
      </c>
      <c r="E14" s="11">
        <v>8514564736.0600004</v>
      </c>
      <c r="F14" s="11">
        <v>0</v>
      </c>
    </row>
    <row r="15" spans="1:14" x14ac:dyDescent="0.25">
      <c r="A15" s="3" t="s">
        <v>30</v>
      </c>
      <c r="B15" s="5" t="s">
        <v>99</v>
      </c>
      <c r="C15" s="11">
        <v>2036637926.97</v>
      </c>
      <c r="D15" s="11">
        <v>2029134667.1199999</v>
      </c>
      <c r="E15" s="11">
        <v>2072199837.6800001</v>
      </c>
      <c r="F15" s="11">
        <v>0</v>
      </c>
    </row>
    <row r="16" spans="1:14" x14ac:dyDescent="0.25">
      <c r="A16" s="2" t="s">
        <v>32</v>
      </c>
      <c r="B16" s="4" t="s">
        <v>100</v>
      </c>
      <c r="C16" s="12">
        <v>786947472.86000001</v>
      </c>
      <c r="D16" s="12">
        <v>758190315.78999996</v>
      </c>
      <c r="E16" s="12">
        <v>738976766.64999998</v>
      </c>
      <c r="F16" s="12">
        <v>0</v>
      </c>
    </row>
    <row r="17" spans="1:6" x14ac:dyDescent="0.25">
      <c r="A17" s="2" t="s">
        <v>34</v>
      </c>
      <c r="B17" s="4" t="s">
        <v>101</v>
      </c>
      <c r="C17" s="12">
        <v>1249690454.1099999</v>
      </c>
      <c r="D17" s="12">
        <v>1270944351.3299999</v>
      </c>
      <c r="E17" s="12">
        <v>1333223071.03</v>
      </c>
      <c r="F17" s="12">
        <v>0</v>
      </c>
    </row>
    <row r="18" spans="1:6" x14ac:dyDescent="0.25">
      <c r="A18" s="2" t="s">
        <v>36</v>
      </c>
      <c r="B18" s="4" t="s">
        <v>102</v>
      </c>
      <c r="C18" s="12">
        <v>6284932616.3699999</v>
      </c>
      <c r="D18" s="12">
        <v>6290010485.8400002</v>
      </c>
      <c r="E18" s="12">
        <v>6292792204.3100004</v>
      </c>
      <c r="F18" s="12">
        <v>0</v>
      </c>
    </row>
    <row r="19" spans="1:6" x14ac:dyDescent="0.25">
      <c r="A19" s="3" t="s">
        <v>38</v>
      </c>
      <c r="B19" s="5" t="s">
        <v>103</v>
      </c>
      <c r="C19" s="11">
        <v>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00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01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04</v>
      </c>
      <c r="C22" s="11">
        <v>80418763.849999994</v>
      </c>
      <c r="D22" s="11">
        <v>156671095.06</v>
      </c>
      <c r="E22" s="11">
        <v>149572694.06999999</v>
      </c>
      <c r="F22" s="11">
        <v>0</v>
      </c>
    </row>
    <row r="23" spans="1:6" x14ac:dyDescent="0.25">
      <c r="A23" s="2" t="s">
        <v>46</v>
      </c>
      <c r="B23" s="4" t="s">
        <v>105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06</v>
      </c>
      <c r="C24" s="12">
        <v>10559029.640000001</v>
      </c>
      <c r="D24" s="12">
        <v>32817247.890000001</v>
      </c>
      <c r="E24" s="12">
        <v>29785270.170000002</v>
      </c>
      <c r="F24" s="12">
        <v>0</v>
      </c>
    </row>
    <row r="25" spans="1:6" x14ac:dyDescent="0.25">
      <c r="A25" s="2" t="s">
        <v>50</v>
      </c>
      <c r="B25" s="4" t="s">
        <v>107</v>
      </c>
      <c r="C25" s="12">
        <v>69859734.209999993</v>
      </c>
      <c r="D25" s="12">
        <v>123853847.17</v>
      </c>
      <c r="E25" s="12">
        <v>119787423.90000001</v>
      </c>
      <c r="F25" s="12">
        <v>0</v>
      </c>
    </row>
    <row r="26" spans="1:6" x14ac:dyDescent="0.25">
      <c r="A26" s="2" t="s">
        <v>52</v>
      </c>
      <c r="B26" s="4" t="s">
        <v>108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09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1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11</v>
      </c>
      <c r="C29" s="12">
        <v>739721058.08000004</v>
      </c>
      <c r="D29" s="12">
        <v>697363757.26999998</v>
      </c>
      <c r="E29" s="12">
        <v>622758213.63999999</v>
      </c>
      <c r="F29" s="12">
        <v>0</v>
      </c>
    </row>
    <row r="30" spans="1:6" x14ac:dyDescent="0.25">
      <c r="A30" s="2" t="s">
        <v>63</v>
      </c>
      <c r="B30" s="4" t="s">
        <v>112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13</v>
      </c>
      <c r="C31" s="11">
        <v>1369349518.21</v>
      </c>
      <c r="D31" s="11">
        <v>1760732128.2</v>
      </c>
      <c r="E31" s="11">
        <v>1996152713.1800001</v>
      </c>
      <c r="F31" s="11">
        <v>0</v>
      </c>
    </row>
    <row r="32" spans="1:6" x14ac:dyDescent="0.25">
      <c r="A32" s="2" t="s">
        <v>67</v>
      </c>
      <c r="B32" s="4" t="s">
        <v>114</v>
      </c>
      <c r="C32" s="12">
        <v>1125535341.3199999</v>
      </c>
      <c r="D32" s="12">
        <v>1506314032.3900001</v>
      </c>
      <c r="E32" s="12">
        <v>1718632665.01</v>
      </c>
      <c r="F32" s="12">
        <v>0</v>
      </c>
    </row>
    <row r="33" spans="1:6" x14ac:dyDescent="0.25">
      <c r="A33" s="2" t="s">
        <v>69</v>
      </c>
      <c r="B33" s="4" t="s">
        <v>115</v>
      </c>
      <c r="C33" s="12">
        <v>1499137882.29</v>
      </c>
      <c r="D33" s="12">
        <v>1647738285.8399999</v>
      </c>
      <c r="E33" s="12">
        <v>1824604934.74</v>
      </c>
      <c r="F33" s="12">
        <v>0</v>
      </c>
    </row>
    <row r="34" spans="1:6" x14ac:dyDescent="0.25">
      <c r="A34" s="2" t="s">
        <v>71</v>
      </c>
      <c r="B34" s="4" t="s">
        <v>116</v>
      </c>
      <c r="C34" s="12">
        <v>373602540.97000003</v>
      </c>
      <c r="D34" s="12">
        <v>141424253.44999999</v>
      </c>
      <c r="E34" s="12">
        <v>105972269.73</v>
      </c>
      <c r="F34" s="12">
        <v>0</v>
      </c>
    </row>
    <row r="35" spans="1:6" x14ac:dyDescent="0.25">
      <c r="A35" s="2" t="s">
        <v>86</v>
      </c>
      <c r="B35" s="4" t="s">
        <v>117</v>
      </c>
      <c r="C35" s="12">
        <v>243814176.88999999</v>
      </c>
      <c r="D35" s="12">
        <v>254418095.81</v>
      </c>
      <c r="E35" s="12">
        <v>277520048.17000002</v>
      </c>
      <c r="F35" s="12">
        <v>0</v>
      </c>
    </row>
    <row r="36" spans="1:6" x14ac:dyDescent="0.25">
      <c r="A36" s="3" t="s">
        <v>118</v>
      </c>
      <c r="B36" s="5" t="s">
        <v>119</v>
      </c>
      <c r="C36" s="11">
        <v>7772360847.0600004</v>
      </c>
      <c r="D36" s="11">
        <v>7412447877.0900002</v>
      </c>
      <c r="E36" s="11">
        <v>7141170236.5200005</v>
      </c>
      <c r="F36" s="11">
        <v>0</v>
      </c>
    </row>
    <row r="37" spans="1:6" x14ac:dyDescent="0.25">
      <c r="A37" s="2" t="s">
        <v>120</v>
      </c>
      <c r="B37" s="4" t="s">
        <v>121</v>
      </c>
      <c r="C37" s="12">
        <v>10735143525.049999</v>
      </c>
      <c r="D37" s="12">
        <v>10800292807.799999</v>
      </c>
      <c r="E37" s="12">
        <v>10903504527.02</v>
      </c>
      <c r="F37" s="12">
        <v>0</v>
      </c>
    </row>
    <row r="38" spans="1:6" x14ac:dyDescent="0.25">
      <c r="A38" s="2" t="s">
        <v>122</v>
      </c>
      <c r="B38" s="4" t="s">
        <v>123</v>
      </c>
      <c r="C38" s="12">
        <v>85.16</v>
      </c>
      <c r="D38" s="12">
        <v>84.93</v>
      </c>
      <c r="E38" s="12">
        <v>83.8</v>
      </c>
      <c r="F38" s="12">
        <v>0</v>
      </c>
    </row>
    <row r="39" spans="1:6" x14ac:dyDescent="0.25">
      <c r="A39" s="2" t="s">
        <v>124</v>
      </c>
      <c r="B39" s="4" t="s">
        <v>125</v>
      </c>
      <c r="C39" s="12">
        <v>72.400000000000006</v>
      </c>
      <c r="D39" s="12">
        <v>68.63</v>
      </c>
      <c r="E39" s="12">
        <v>65.489999999999995</v>
      </c>
      <c r="F39" s="12">
        <v>0</v>
      </c>
    </row>
    <row r="40" spans="1:6" x14ac:dyDescent="0.25">
      <c r="A40" s="2" t="s">
        <v>126</v>
      </c>
      <c r="B40" s="4" t="s">
        <v>127</v>
      </c>
      <c r="C40" s="12">
        <v>21470287050.099998</v>
      </c>
      <c r="D40" s="12">
        <v>21600585615.599998</v>
      </c>
      <c r="E40" s="12">
        <v>21807009054.040001</v>
      </c>
      <c r="F40" s="12">
        <v>0</v>
      </c>
    </row>
    <row r="41" spans="1:6" x14ac:dyDescent="0.25">
      <c r="A41" s="2" t="s">
        <v>128</v>
      </c>
      <c r="B41" s="4" t="s">
        <v>129</v>
      </c>
      <c r="C41" s="12">
        <v>19323258345.09</v>
      </c>
      <c r="D41" s="12">
        <v>19440527054.040001</v>
      </c>
      <c r="E41" s="12">
        <v>19626308148.639999</v>
      </c>
      <c r="F41" s="12">
        <v>0</v>
      </c>
    </row>
    <row r="43" spans="1:6" x14ac:dyDescent="0.25">
      <c r="A43" s="10" t="s">
        <v>6</v>
      </c>
      <c r="B43" s="10" t="s">
        <v>130</v>
      </c>
      <c r="C43" s="10" t="s">
        <v>91</v>
      </c>
      <c r="D43" s="10" t="s">
        <v>92</v>
      </c>
      <c r="E43" s="10" t="s">
        <v>7</v>
      </c>
      <c r="F43" s="10" t="s">
        <v>92</v>
      </c>
    </row>
    <row r="44" spans="1:6" ht="21" x14ac:dyDescent="0.25">
      <c r="A44" s="10" t="s">
        <v>7</v>
      </c>
      <c r="B44" s="10" t="s">
        <v>7</v>
      </c>
      <c r="C44" s="10" t="s">
        <v>7</v>
      </c>
      <c r="D44" s="1" t="s">
        <v>93</v>
      </c>
      <c r="E44" s="1" t="s">
        <v>94</v>
      </c>
      <c r="F44" s="1" t="s">
        <v>95</v>
      </c>
    </row>
    <row r="45" spans="1:6" x14ac:dyDescent="0.25">
      <c r="A45" s="2" t="s">
        <v>131</v>
      </c>
      <c r="B45" s="4" t="s">
        <v>132</v>
      </c>
      <c r="C45" s="12">
        <v>0</v>
      </c>
      <c r="D45" s="12">
        <v>0</v>
      </c>
      <c r="E45" s="12">
        <v>0</v>
      </c>
      <c r="F45" s="12">
        <v>0</v>
      </c>
    </row>
    <row r="46" spans="1:6" x14ac:dyDescent="0.25">
      <c r="A46" s="2" t="s">
        <v>133</v>
      </c>
      <c r="B46" s="4" t="s">
        <v>134</v>
      </c>
      <c r="C46" s="12">
        <v>0</v>
      </c>
      <c r="D46" s="12">
        <v>0</v>
      </c>
      <c r="E46" s="12">
        <v>0</v>
      </c>
      <c r="F46" s="12">
        <v>0</v>
      </c>
    </row>
    <row r="47" spans="1:6" x14ac:dyDescent="0.25">
      <c r="A47" s="2" t="s">
        <v>135</v>
      </c>
      <c r="B47" s="4" t="s">
        <v>136</v>
      </c>
      <c r="C47" s="12">
        <v>22128937086.689999</v>
      </c>
      <c r="D47" s="12">
        <v>22128937086.689999</v>
      </c>
      <c r="E47" s="12">
        <v>18531938150.66</v>
      </c>
      <c r="F47" s="12">
        <v>0</v>
      </c>
    </row>
    <row r="48" spans="1:6" x14ac:dyDescent="0.25">
      <c r="A48" s="2" t="s">
        <v>137</v>
      </c>
      <c r="B48" s="4" t="s">
        <v>138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39</v>
      </c>
      <c r="B49" s="4" t="s">
        <v>140</v>
      </c>
      <c r="C49" s="12">
        <v>0</v>
      </c>
      <c r="D49" s="12">
        <v>460107265</v>
      </c>
      <c r="E49" s="12">
        <v>361258412.60000002</v>
      </c>
      <c r="F49" s="12">
        <v>0</v>
      </c>
    </row>
    <row r="50" spans="1:14" x14ac:dyDescent="0.25">
      <c r="A50" s="2" t="s">
        <v>141</v>
      </c>
      <c r="B50" s="4" t="s">
        <v>142</v>
      </c>
      <c r="C50" s="12">
        <v>37479587.359999999</v>
      </c>
      <c r="D50" s="12">
        <v>210671919.56</v>
      </c>
      <c r="E50" s="12">
        <v>151994999.18000001</v>
      </c>
      <c r="F50" s="12">
        <v>0</v>
      </c>
    </row>
    <row r="51" spans="1:14" x14ac:dyDescent="0.25">
      <c r="A51" s="2" t="s">
        <v>143</v>
      </c>
      <c r="B51" s="4" t="s">
        <v>144</v>
      </c>
      <c r="C51" s="12">
        <v>0</v>
      </c>
      <c r="D51" s="12">
        <v>0</v>
      </c>
      <c r="E51" s="12">
        <v>0</v>
      </c>
      <c r="F51" s="12">
        <v>0</v>
      </c>
    </row>
    <row r="52" spans="1:14" x14ac:dyDescent="0.25">
      <c r="A52" s="2" t="s">
        <v>145</v>
      </c>
      <c r="B52" s="4" t="s">
        <v>146</v>
      </c>
      <c r="C52" s="12">
        <v>0</v>
      </c>
      <c r="D52" s="12">
        <v>0</v>
      </c>
      <c r="E52" s="12">
        <v>0</v>
      </c>
      <c r="F52" s="12">
        <v>0</v>
      </c>
    </row>
    <row r="53" spans="1:14" x14ac:dyDescent="0.25">
      <c r="A53" s="2" t="s">
        <v>147</v>
      </c>
      <c r="B53" s="4" t="s">
        <v>148</v>
      </c>
      <c r="C53" s="12">
        <v>0</v>
      </c>
      <c r="D53" s="12">
        <v>0</v>
      </c>
      <c r="E53" s="12">
        <v>0</v>
      </c>
      <c r="F53" s="12">
        <v>0</v>
      </c>
    </row>
    <row r="55" spans="1:14" x14ac:dyDescent="0.25">
      <c r="A55" s="10" t="s">
        <v>6</v>
      </c>
      <c r="B55" s="10" t="s">
        <v>149</v>
      </c>
      <c r="C55" s="10" t="s">
        <v>150</v>
      </c>
      <c r="D55" s="10" t="s">
        <v>7</v>
      </c>
      <c r="E55" s="10" t="s">
        <v>7</v>
      </c>
      <c r="F55" s="10" t="s">
        <v>78</v>
      </c>
      <c r="G55" s="10" t="s">
        <v>7</v>
      </c>
      <c r="H55" s="10" t="s">
        <v>7</v>
      </c>
      <c r="I55" s="10" t="s">
        <v>82</v>
      </c>
      <c r="J55" s="10" t="s">
        <v>7</v>
      </c>
      <c r="K55" s="10" t="s">
        <v>7</v>
      </c>
      <c r="L55" s="10" t="s">
        <v>155</v>
      </c>
      <c r="M55" s="10" t="s">
        <v>7</v>
      </c>
      <c r="N55" s="10" t="s">
        <v>155</v>
      </c>
    </row>
    <row r="56" spans="1:14" ht="42" x14ac:dyDescent="0.25">
      <c r="A56" s="10" t="s">
        <v>7</v>
      </c>
      <c r="B56" s="10" t="s">
        <v>7</v>
      </c>
      <c r="C56" s="1" t="s">
        <v>75</v>
      </c>
      <c r="D56" s="1" t="s">
        <v>151</v>
      </c>
      <c r="E56" s="1" t="s">
        <v>77</v>
      </c>
      <c r="F56" s="1" t="s">
        <v>79</v>
      </c>
      <c r="G56" s="1" t="s">
        <v>80</v>
      </c>
      <c r="H56" s="1" t="s">
        <v>152</v>
      </c>
      <c r="I56" s="1" t="s">
        <v>153</v>
      </c>
      <c r="J56" s="1" t="s">
        <v>84</v>
      </c>
      <c r="K56" s="1" t="s">
        <v>154</v>
      </c>
      <c r="L56" s="1" t="s">
        <v>156</v>
      </c>
      <c r="M56" s="1" t="s">
        <v>157</v>
      </c>
      <c r="N56" s="1" t="s">
        <v>158</v>
      </c>
    </row>
    <row r="57" spans="1:14" x14ac:dyDescent="0.25">
      <c r="A57" s="2" t="s">
        <v>159</v>
      </c>
      <c r="B57" s="4" t="s">
        <v>160</v>
      </c>
      <c r="C57" s="12">
        <v>0</v>
      </c>
      <c r="D57" s="12">
        <v>0</v>
      </c>
      <c r="E57" s="12">
        <v>0</v>
      </c>
      <c r="F57" s="12">
        <v>0</v>
      </c>
      <c r="G57" s="12">
        <v>0</v>
      </c>
      <c r="H57" s="12">
        <v>0</v>
      </c>
      <c r="I57" s="12">
        <v>0</v>
      </c>
      <c r="J57" s="12">
        <v>0</v>
      </c>
      <c r="K57" s="12">
        <v>0</v>
      </c>
      <c r="L57" s="12">
        <v>0</v>
      </c>
      <c r="M57" s="12">
        <v>0</v>
      </c>
      <c r="N57" s="12">
        <v>0</v>
      </c>
    </row>
  </sheetData>
  <mergeCells count="20">
    <mergeCell ref="I55:K55"/>
    <mergeCell ref="L55:N55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7109375" bestFit="1" customWidth="1"/>
    <col min="2" max="2" width="49.7109375" bestFit="1" customWidth="1"/>
    <col min="3" max="5" width="18" bestFit="1" customWidth="1"/>
    <col min="6" max="6" width="17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61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62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63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164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65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66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67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6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66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68</v>
      </c>
      <c r="C18" s="11">
        <v>23664779.059999999</v>
      </c>
      <c r="D18" s="11">
        <v>23874719.079999998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69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66</v>
      </c>
      <c r="C20" s="12">
        <v>23664779.059999999</v>
      </c>
      <c r="D20" s="12">
        <v>23874719.079999998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70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71</v>
      </c>
      <c r="C22" s="11">
        <v>23664779.059999999</v>
      </c>
      <c r="D22" s="11">
        <v>23874719.079999998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72</v>
      </c>
      <c r="C23" s="12">
        <v>10735143525.049999</v>
      </c>
      <c r="D23" s="12">
        <v>10800292807.799999</v>
      </c>
      <c r="E23" s="12">
        <v>10903504527.02</v>
      </c>
      <c r="F23" s="12">
        <v>0</v>
      </c>
    </row>
    <row r="24" spans="1:6" x14ac:dyDescent="0.25">
      <c r="A24" s="2" t="s">
        <v>48</v>
      </c>
      <c r="B24" s="4" t="s">
        <v>173</v>
      </c>
      <c r="C24" s="12">
        <v>0.22</v>
      </c>
      <c r="D24" s="12">
        <v>0.22</v>
      </c>
      <c r="E24" s="12">
        <v>0</v>
      </c>
      <c r="F24" s="12">
        <v>0</v>
      </c>
    </row>
    <row r="25" spans="1:6" x14ac:dyDescent="0.25">
      <c r="A25" s="2" t="s">
        <v>50</v>
      </c>
      <c r="B25" s="4" t="s">
        <v>174</v>
      </c>
      <c r="C25" s="12">
        <v>2361731575.5100002</v>
      </c>
      <c r="D25" s="12">
        <v>2376064417.7199998</v>
      </c>
      <c r="E25" s="12">
        <v>2398770995.9400001</v>
      </c>
      <c r="F25" s="12">
        <v>0</v>
      </c>
    </row>
    <row r="26" spans="1:6" x14ac:dyDescent="0.25">
      <c r="A26" s="2" t="s">
        <v>52</v>
      </c>
      <c r="B26" s="4" t="s">
        <v>175</v>
      </c>
      <c r="C26" s="12">
        <v>2125558417.96</v>
      </c>
      <c r="D26" s="12">
        <v>2138457975.9400001</v>
      </c>
      <c r="E26" s="12">
        <v>2158893896.3499999</v>
      </c>
      <c r="F26" s="12">
        <v>0</v>
      </c>
    </row>
    <row r="28" spans="1:6" x14ac:dyDescent="0.25">
      <c r="A28" s="10" t="s">
        <v>6</v>
      </c>
      <c r="B28" s="10" t="s">
        <v>176</v>
      </c>
      <c r="C28" s="10" t="s">
        <v>91</v>
      </c>
      <c r="D28" s="10" t="s">
        <v>92</v>
      </c>
      <c r="E28" s="10" t="s">
        <v>7</v>
      </c>
      <c r="F28" s="10" t="s">
        <v>92</v>
      </c>
    </row>
    <row r="29" spans="1:6" ht="21" x14ac:dyDescent="0.25">
      <c r="A29" s="10" t="s">
        <v>7</v>
      </c>
      <c r="B29" s="10" t="s">
        <v>7</v>
      </c>
      <c r="C29" s="10" t="s">
        <v>7</v>
      </c>
      <c r="D29" s="1" t="s">
        <v>93</v>
      </c>
      <c r="E29" s="1" t="s">
        <v>94</v>
      </c>
      <c r="F29" s="1" t="s">
        <v>95</v>
      </c>
    </row>
    <row r="30" spans="1:6" x14ac:dyDescent="0.25">
      <c r="A30" s="3" t="s">
        <v>54</v>
      </c>
      <c r="B30" s="5" t="s">
        <v>177</v>
      </c>
      <c r="C30" s="11">
        <v>0</v>
      </c>
      <c r="D30" s="11">
        <v>0</v>
      </c>
      <c r="E30" s="11">
        <v>0</v>
      </c>
      <c r="F30" s="11">
        <v>0</v>
      </c>
    </row>
    <row r="31" spans="1:6" x14ac:dyDescent="0.25">
      <c r="A31" s="2" t="s">
        <v>59</v>
      </c>
      <c r="B31" s="4" t="s">
        <v>178</v>
      </c>
      <c r="C31" s="12">
        <v>0</v>
      </c>
      <c r="D31" s="12">
        <v>0</v>
      </c>
      <c r="E31" s="12">
        <v>0</v>
      </c>
      <c r="F31" s="12">
        <v>0</v>
      </c>
    </row>
    <row r="32" spans="1:6" x14ac:dyDescent="0.25">
      <c r="A32" s="2" t="s">
        <v>61</v>
      </c>
      <c r="B32" s="4" t="s">
        <v>179</v>
      </c>
      <c r="C32" s="12">
        <v>0</v>
      </c>
      <c r="D32" s="12">
        <v>0</v>
      </c>
      <c r="E32" s="12">
        <v>0</v>
      </c>
      <c r="F32" s="12">
        <v>0</v>
      </c>
    </row>
    <row r="33" spans="1:6" x14ac:dyDescent="0.25">
      <c r="A33" s="3" t="s">
        <v>63</v>
      </c>
      <c r="B33" s="5" t="s">
        <v>180</v>
      </c>
      <c r="C33" s="11">
        <v>0</v>
      </c>
      <c r="D33" s="11">
        <v>0</v>
      </c>
      <c r="E33" s="11">
        <v>0</v>
      </c>
      <c r="F33" s="11">
        <v>0</v>
      </c>
    </row>
    <row r="34" spans="1:6" x14ac:dyDescent="0.25">
      <c r="A34" s="2" t="s">
        <v>65</v>
      </c>
      <c r="B34" s="4" t="s">
        <v>178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2" t="s">
        <v>67</v>
      </c>
      <c r="B35" s="4" t="s">
        <v>179</v>
      </c>
      <c r="C35" s="12">
        <v>0</v>
      </c>
      <c r="D35" s="12">
        <v>0</v>
      </c>
      <c r="E35" s="12">
        <v>0</v>
      </c>
      <c r="F35" s="12">
        <v>0</v>
      </c>
    </row>
    <row r="36" spans="1:6" x14ac:dyDescent="0.25">
      <c r="A36" s="3" t="s">
        <v>69</v>
      </c>
      <c r="B36" s="5" t="s">
        <v>181</v>
      </c>
      <c r="C36" s="11">
        <v>0</v>
      </c>
      <c r="D36" s="11">
        <v>0</v>
      </c>
      <c r="E36" s="11">
        <v>0</v>
      </c>
      <c r="F36" s="11">
        <v>0</v>
      </c>
    </row>
    <row r="37" spans="1:6" x14ac:dyDescent="0.25">
      <c r="A37" s="2" t="s">
        <v>71</v>
      </c>
      <c r="B37" s="4" t="s">
        <v>17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2" t="s">
        <v>86</v>
      </c>
      <c r="B38" s="4" t="s">
        <v>179</v>
      </c>
      <c r="C38" s="12">
        <v>0</v>
      </c>
      <c r="D38" s="12">
        <v>0</v>
      </c>
      <c r="E38" s="12">
        <v>0</v>
      </c>
      <c r="F38" s="12">
        <v>0</v>
      </c>
    </row>
    <row r="39" spans="1:6" x14ac:dyDescent="0.25">
      <c r="A39" s="2" t="s">
        <v>118</v>
      </c>
      <c r="B39" s="4" t="s">
        <v>182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3" t="s">
        <v>120</v>
      </c>
      <c r="B40" s="5" t="s">
        <v>183</v>
      </c>
      <c r="C40" s="11">
        <v>0</v>
      </c>
      <c r="D40" s="11">
        <v>0</v>
      </c>
      <c r="E40" s="11">
        <v>0</v>
      </c>
      <c r="F40" s="11">
        <v>0</v>
      </c>
    </row>
    <row r="42" spans="1:6" x14ac:dyDescent="0.25">
      <c r="A42" s="10" t="s">
        <v>6</v>
      </c>
      <c r="B42" s="10" t="s">
        <v>184</v>
      </c>
      <c r="C42" s="10" t="s">
        <v>185</v>
      </c>
    </row>
    <row r="43" spans="1:6" x14ac:dyDescent="0.25">
      <c r="A43" s="10" t="s">
        <v>7</v>
      </c>
      <c r="B43" s="10" t="s">
        <v>7</v>
      </c>
      <c r="C43" s="10" t="s">
        <v>7</v>
      </c>
    </row>
    <row r="44" spans="1:6" x14ac:dyDescent="0.25">
      <c r="A44" s="2" t="s">
        <v>122</v>
      </c>
      <c r="B44" s="4" t="s">
        <v>184</v>
      </c>
      <c r="C44" s="12">
        <v>0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186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187</v>
      </c>
      <c r="B9" s="7"/>
      <c r="C9" s="7"/>
      <c r="D9" s="7"/>
    </row>
    <row r="10" spans="1:4" x14ac:dyDescent="0.25">
      <c r="A10" s="10" t="s">
        <v>6</v>
      </c>
      <c r="B10" s="10" t="s">
        <v>188</v>
      </c>
      <c r="C10" s="10" t="s">
        <v>189</v>
      </c>
      <c r="D10" s="10" t="s">
        <v>189</v>
      </c>
    </row>
    <row r="11" spans="1:4" ht="21" x14ac:dyDescent="0.25">
      <c r="A11" s="10" t="s">
        <v>7</v>
      </c>
      <c r="B11" s="10" t="s">
        <v>7</v>
      </c>
      <c r="C11" s="1" t="s">
        <v>190</v>
      </c>
      <c r="D11" s="1" t="s">
        <v>191</v>
      </c>
    </row>
    <row r="12" spans="1:4" x14ac:dyDescent="0.25">
      <c r="A12" s="3" t="s">
        <v>24</v>
      </c>
      <c r="B12" s="5" t="s">
        <v>192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193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194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195</v>
      </c>
      <c r="C15" s="11">
        <v>11562423.890000001</v>
      </c>
      <c r="D15" s="11">
        <v>11562423.890000001</v>
      </c>
    </row>
    <row r="16" spans="1:4" x14ac:dyDescent="0.25">
      <c r="A16" s="3" t="s">
        <v>32</v>
      </c>
      <c r="B16" s="5" t="s">
        <v>193</v>
      </c>
      <c r="C16" s="11">
        <v>11562423.890000001</v>
      </c>
      <c r="D16" s="11">
        <v>11562423.890000001</v>
      </c>
    </row>
    <row r="17" spans="1:4" x14ac:dyDescent="0.25">
      <c r="A17" s="2" t="s">
        <v>34</v>
      </c>
      <c r="B17" s="4" t="s">
        <v>196</v>
      </c>
      <c r="C17" s="12">
        <v>11562423.890000001</v>
      </c>
      <c r="D17" s="12">
        <v>11562423.890000001</v>
      </c>
    </row>
    <row r="18" spans="1:4" x14ac:dyDescent="0.25">
      <c r="A18" s="2" t="s">
        <v>36</v>
      </c>
      <c r="B18" s="4" t="s">
        <v>197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198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199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00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194</v>
      </c>
      <c r="C22" s="11">
        <v>0</v>
      </c>
      <c r="D22" s="11">
        <v>0</v>
      </c>
    </row>
    <row r="23" spans="1:4" x14ac:dyDescent="0.25">
      <c r="A23" s="2" t="s">
        <v>46</v>
      </c>
      <c r="B23" s="4" t="s">
        <v>196</v>
      </c>
      <c r="C23" s="12">
        <v>0</v>
      </c>
      <c r="D23" s="12">
        <v>0</v>
      </c>
    </row>
    <row r="24" spans="1:4" x14ac:dyDescent="0.25">
      <c r="A24" s="2" t="s">
        <v>48</v>
      </c>
      <c r="B24" s="4" t="s">
        <v>197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01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199</v>
      </c>
      <c r="C26" s="12">
        <v>0</v>
      </c>
      <c r="D26" s="12">
        <v>0</v>
      </c>
    </row>
    <row r="27" spans="1:4" x14ac:dyDescent="0.25">
      <c r="A27" s="2" t="s">
        <v>54</v>
      </c>
      <c r="B27" s="4" t="s">
        <v>202</v>
      </c>
      <c r="C27" s="12">
        <v>0</v>
      </c>
      <c r="D27" s="12">
        <v>0</v>
      </c>
    </row>
    <row r="28" spans="1:4" x14ac:dyDescent="0.25">
      <c r="A28" s="2" t="s">
        <v>59</v>
      </c>
      <c r="B28" s="4" t="s">
        <v>203</v>
      </c>
      <c r="C28" s="12">
        <v>11562423.890000001</v>
      </c>
      <c r="D28" s="12">
        <v>11562423.890000001</v>
      </c>
    </row>
    <row r="30" spans="1:4" x14ac:dyDescent="0.25">
      <c r="A30" s="10" t="s">
        <v>6</v>
      </c>
      <c r="B30" s="10" t="s">
        <v>204</v>
      </c>
      <c r="C30" s="10" t="s">
        <v>57</v>
      </c>
      <c r="D30" s="10" t="s">
        <v>205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06</v>
      </c>
      <c r="C32" s="12">
        <v>10903504527.02</v>
      </c>
      <c r="D32" s="12">
        <v>100</v>
      </c>
    </row>
    <row r="33" spans="1:4" x14ac:dyDescent="0.25">
      <c r="A33" s="2" t="s">
        <v>63</v>
      </c>
      <c r="B33" s="4" t="s">
        <v>207</v>
      </c>
      <c r="C33" s="12">
        <v>0</v>
      </c>
      <c r="D33" s="12">
        <v>0</v>
      </c>
    </row>
    <row r="34" spans="1:4" x14ac:dyDescent="0.25">
      <c r="A34" s="2" t="s">
        <v>65</v>
      </c>
      <c r="B34" s="4" t="s">
        <v>208</v>
      </c>
      <c r="C34" s="12">
        <v>11562423.890000001</v>
      </c>
      <c r="D34" s="12">
        <v>0.11</v>
      </c>
    </row>
    <row r="35" spans="1:4" x14ac:dyDescent="0.25">
      <c r="A35" s="2" t="s">
        <v>67</v>
      </c>
      <c r="B35" s="4" t="s">
        <v>209</v>
      </c>
      <c r="C35" s="12">
        <v>1744560724.3199999</v>
      </c>
      <c r="D35" s="12">
        <v>16</v>
      </c>
    </row>
    <row r="36" spans="1:4" x14ac:dyDescent="0.25">
      <c r="A36" s="2" t="s">
        <v>69</v>
      </c>
      <c r="B36" s="4" t="s">
        <v>210</v>
      </c>
      <c r="C36" s="12">
        <v>1570104651.8900001</v>
      </c>
      <c r="D36" s="12">
        <v>14.4</v>
      </c>
    </row>
    <row r="37" spans="1:4" x14ac:dyDescent="0.25">
      <c r="A37" s="2" t="s">
        <v>71</v>
      </c>
      <c r="B37" s="4" t="s">
        <v>211</v>
      </c>
      <c r="C37" s="12">
        <v>0</v>
      </c>
      <c r="D37" s="12">
        <v>0</v>
      </c>
    </row>
    <row r="38" spans="1:4" x14ac:dyDescent="0.25">
      <c r="A38" s="2" t="s">
        <v>86</v>
      </c>
      <c r="B38" s="4" t="s">
        <v>212</v>
      </c>
      <c r="C38" s="12">
        <v>763245316.88999999</v>
      </c>
      <c r="D38" s="12">
        <v>7</v>
      </c>
    </row>
    <row r="40" spans="1:4" x14ac:dyDescent="0.25">
      <c r="A40" s="10" t="s">
        <v>6</v>
      </c>
      <c r="B40" s="10" t="s">
        <v>213</v>
      </c>
      <c r="C40" s="10" t="s">
        <v>214</v>
      </c>
      <c r="D40" s="10" t="s">
        <v>214</v>
      </c>
    </row>
    <row r="41" spans="1:4" ht="21" x14ac:dyDescent="0.25">
      <c r="A41" s="10" t="s">
        <v>7</v>
      </c>
      <c r="B41" s="10" t="s">
        <v>7</v>
      </c>
      <c r="C41" s="1" t="s">
        <v>190</v>
      </c>
      <c r="D41" s="1" t="s">
        <v>191</v>
      </c>
    </row>
    <row r="42" spans="1:4" x14ac:dyDescent="0.25">
      <c r="A42" s="3" t="s">
        <v>118</v>
      </c>
      <c r="B42" s="5" t="s">
        <v>215</v>
      </c>
      <c r="C42" s="11">
        <v>0</v>
      </c>
      <c r="D42" s="11">
        <v>0</v>
      </c>
    </row>
    <row r="43" spans="1:4" x14ac:dyDescent="0.25">
      <c r="A43" s="2" t="s">
        <v>120</v>
      </c>
      <c r="B43" s="4" t="s">
        <v>216</v>
      </c>
      <c r="C43" s="12">
        <v>0</v>
      </c>
      <c r="D43" s="12">
        <v>0</v>
      </c>
    </row>
    <row r="44" spans="1:4" x14ac:dyDescent="0.25">
      <c r="A44" s="2" t="s">
        <v>122</v>
      </c>
      <c r="B44" s="4" t="s">
        <v>217</v>
      </c>
      <c r="C44" s="12">
        <v>0</v>
      </c>
      <c r="D44" s="12">
        <v>0</v>
      </c>
    </row>
    <row r="45" spans="1:4" x14ac:dyDescent="0.25">
      <c r="A45" s="2" t="s">
        <v>124</v>
      </c>
      <c r="B45" s="4" t="s">
        <v>218</v>
      </c>
      <c r="C45" s="12">
        <v>0</v>
      </c>
      <c r="D45" s="12">
        <v>0</v>
      </c>
    </row>
    <row r="46" spans="1:4" x14ac:dyDescent="0.25">
      <c r="A46" s="2" t="s">
        <v>126</v>
      </c>
      <c r="B46" s="4" t="s">
        <v>219</v>
      </c>
      <c r="C46" s="12">
        <v>0</v>
      </c>
      <c r="D46" s="12">
        <v>0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20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21</v>
      </c>
      <c r="B9" s="7"/>
      <c r="C9" s="7"/>
      <c r="D9" s="7"/>
    </row>
    <row r="10" spans="1:4" x14ac:dyDescent="0.25">
      <c r="A10" s="10" t="s">
        <v>6</v>
      </c>
      <c r="B10" s="10" t="s">
        <v>222</v>
      </c>
      <c r="C10" s="10" t="s">
        <v>223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24</v>
      </c>
      <c r="C12" s="12">
        <v>10903504527.02</v>
      </c>
    </row>
    <row r="13" spans="1:4" x14ac:dyDescent="0.25">
      <c r="A13" s="2" t="s">
        <v>26</v>
      </c>
      <c r="B13" s="4" t="s">
        <v>225</v>
      </c>
      <c r="C13" s="12">
        <v>10902227991.620001</v>
      </c>
    </row>
    <row r="15" spans="1:4" x14ac:dyDescent="0.25">
      <c r="A15" s="10" t="s">
        <v>6</v>
      </c>
      <c r="B15" s="10" t="s">
        <v>8</v>
      </c>
      <c r="C15" s="10" t="s">
        <v>57</v>
      </c>
      <c r="D15" s="10" t="s">
        <v>58</v>
      </c>
    </row>
    <row r="16" spans="1:4" x14ac:dyDescent="0.25">
      <c r="A16" s="10" t="s">
        <v>7</v>
      </c>
      <c r="B16" s="10" t="s">
        <v>7</v>
      </c>
      <c r="C16" s="10" t="s">
        <v>7</v>
      </c>
      <c r="D16" s="10" t="s">
        <v>7</v>
      </c>
    </row>
    <row r="17" spans="1:4" x14ac:dyDescent="0.25">
      <c r="A17" s="2" t="s">
        <v>28</v>
      </c>
      <c r="B17" s="4" t="s">
        <v>226</v>
      </c>
      <c r="C17" s="12">
        <v>5086003446.6000004</v>
      </c>
      <c r="D17" s="12">
        <v>46.65</v>
      </c>
    </row>
    <row r="18" spans="1:4" x14ac:dyDescent="0.25">
      <c r="A18" s="2" t="s">
        <v>30</v>
      </c>
      <c r="B18" s="4" t="s">
        <v>227</v>
      </c>
      <c r="C18" s="12">
        <v>5342091715.8900003</v>
      </c>
      <c r="D18" s="12">
        <v>49</v>
      </c>
    </row>
    <row r="19" spans="1:4" x14ac:dyDescent="0.25">
      <c r="A19" s="2" t="s">
        <v>32</v>
      </c>
      <c r="B19" s="4" t="s">
        <v>228</v>
      </c>
      <c r="C19" s="12">
        <v>5074987130.1000004</v>
      </c>
      <c r="D19" s="12">
        <v>46.55</v>
      </c>
    </row>
    <row r="20" spans="1:4" x14ac:dyDescent="0.25">
      <c r="A20" s="2" t="s">
        <v>34</v>
      </c>
      <c r="B20" s="4" t="s">
        <v>229</v>
      </c>
      <c r="C20" s="12">
        <v>4807882544.3000002</v>
      </c>
      <c r="D20" s="12">
        <v>44.1</v>
      </c>
    </row>
    <row r="22" spans="1:4" x14ac:dyDescent="0.25">
      <c r="A22" s="10" t="s">
        <v>6</v>
      </c>
      <c r="B22" s="10" t="s">
        <v>90</v>
      </c>
      <c r="C22" s="10" t="s">
        <v>57</v>
      </c>
      <c r="D22" s="10" t="s">
        <v>205</v>
      </c>
    </row>
    <row r="23" spans="1:4" x14ac:dyDescent="0.25">
      <c r="A23" s="10" t="s">
        <v>7</v>
      </c>
      <c r="B23" s="10" t="s">
        <v>7</v>
      </c>
      <c r="C23" s="10" t="s">
        <v>7</v>
      </c>
      <c r="D23" s="10" t="s">
        <v>7</v>
      </c>
    </row>
    <row r="24" spans="1:4" x14ac:dyDescent="0.25">
      <c r="A24" s="2" t="s">
        <v>36</v>
      </c>
      <c r="B24" s="4" t="s">
        <v>230</v>
      </c>
      <c r="C24" s="12">
        <v>7141170236.5200005</v>
      </c>
      <c r="D24" s="12">
        <v>65.489999999999995</v>
      </c>
    </row>
    <row r="25" spans="1:4" x14ac:dyDescent="0.25">
      <c r="A25" s="2" t="s">
        <v>38</v>
      </c>
      <c r="B25" s="4" t="s">
        <v>231</v>
      </c>
      <c r="C25" s="12">
        <v>21807009054.040001</v>
      </c>
      <c r="D25" s="12">
        <v>200</v>
      </c>
    </row>
    <row r="27" spans="1:4" x14ac:dyDescent="0.25">
      <c r="A27" s="10" t="s">
        <v>6</v>
      </c>
      <c r="B27" s="10" t="s">
        <v>232</v>
      </c>
      <c r="C27" s="10" t="s">
        <v>57</v>
      </c>
      <c r="D27" s="10" t="s">
        <v>205</v>
      </c>
    </row>
    <row r="28" spans="1:4" x14ac:dyDescent="0.25">
      <c r="A28" s="10" t="s">
        <v>7</v>
      </c>
      <c r="B28" s="10" t="s">
        <v>7</v>
      </c>
      <c r="C28" s="10" t="s">
        <v>7</v>
      </c>
      <c r="D28" s="10" t="s">
        <v>7</v>
      </c>
    </row>
    <row r="29" spans="1:4" x14ac:dyDescent="0.25">
      <c r="A29" s="2" t="s">
        <v>40</v>
      </c>
      <c r="B29" s="4" t="s">
        <v>233</v>
      </c>
      <c r="C29" s="12">
        <v>0</v>
      </c>
      <c r="D29" s="12">
        <v>0</v>
      </c>
    </row>
    <row r="30" spans="1:4" x14ac:dyDescent="0.25">
      <c r="A30" s="2" t="s">
        <v>42</v>
      </c>
      <c r="B30" s="4" t="s">
        <v>231</v>
      </c>
      <c r="C30" s="12">
        <v>2398770995.9400001</v>
      </c>
      <c r="D30" s="12">
        <v>22</v>
      </c>
    </row>
    <row r="32" spans="1:4" x14ac:dyDescent="0.25">
      <c r="A32" s="10" t="s">
        <v>6</v>
      </c>
      <c r="B32" s="10" t="s">
        <v>188</v>
      </c>
      <c r="C32" s="10" t="s">
        <v>57</v>
      </c>
      <c r="D32" s="10" t="s">
        <v>205</v>
      </c>
    </row>
    <row r="33" spans="1:4" x14ac:dyDescent="0.25">
      <c r="A33" s="10" t="s">
        <v>7</v>
      </c>
      <c r="B33" s="10" t="s">
        <v>7</v>
      </c>
      <c r="C33" s="10" t="s">
        <v>7</v>
      </c>
      <c r="D33" s="10" t="s">
        <v>7</v>
      </c>
    </row>
    <row r="34" spans="1:4" x14ac:dyDescent="0.25">
      <c r="A34" s="2" t="s">
        <v>44</v>
      </c>
      <c r="B34" s="4" t="s">
        <v>234</v>
      </c>
      <c r="C34" s="12">
        <v>11562423.890000001</v>
      </c>
      <c r="D34" s="12">
        <v>0.11</v>
      </c>
    </row>
    <row r="35" spans="1:4" x14ac:dyDescent="0.25">
      <c r="A35" s="2" t="s">
        <v>46</v>
      </c>
      <c r="B35" s="4" t="s">
        <v>235</v>
      </c>
      <c r="C35" s="12">
        <v>1744560724.3199999</v>
      </c>
      <c r="D35" s="12">
        <v>16</v>
      </c>
    </row>
    <row r="36" spans="1:4" x14ac:dyDescent="0.25">
      <c r="A36" s="2" t="s">
        <v>48</v>
      </c>
      <c r="B36" s="4" t="s">
        <v>236</v>
      </c>
      <c r="C36" s="12">
        <v>0</v>
      </c>
      <c r="D36" s="12">
        <v>0</v>
      </c>
    </row>
    <row r="37" spans="1:4" x14ac:dyDescent="0.25">
      <c r="A37" s="2" t="s">
        <v>50</v>
      </c>
      <c r="B37" s="4" t="s">
        <v>237</v>
      </c>
      <c r="C37" s="12">
        <v>763245316.88999999</v>
      </c>
      <c r="D37" s="12">
        <v>7</v>
      </c>
    </row>
    <row r="39" spans="1:4" x14ac:dyDescent="0.25">
      <c r="A39" s="10" t="s">
        <v>6</v>
      </c>
      <c r="B39" s="10" t="s">
        <v>238</v>
      </c>
      <c r="C39" s="10" t="s">
        <v>239</v>
      </c>
      <c r="D39" s="10" t="s">
        <v>240</v>
      </c>
    </row>
    <row r="40" spans="1:4" x14ac:dyDescent="0.25">
      <c r="A40" s="10" t="s">
        <v>7</v>
      </c>
      <c r="B40" s="10" t="s">
        <v>7</v>
      </c>
      <c r="C40" s="10" t="s">
        <v>7</v>
      </c>
      <c r="D40" s="10" t="s">
        <v>7</v>
      </c>
    </row>
    <row r="41" spans="1:4" x14ac:dyDescent="0.25">
      <c r="A41" s="2" t="s">
        <v>52</v>
      </c>
      <c r="B41" s="4" t="s">
        <v>241</v>
      </c>
      <c r="C41" s="12">
        <v>0</v>
      </c>
      <c r="D41" s="12">
        <v>0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9-24T19:52:31Z</dcterms:created>
  <dcterms:modified xsi:type="dcterms:W3CDTF">2019-09-24T20:06:11Z</dcterms:modified>
</cp:coreProperties>
</file>